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7\HP\"/>
    </mc:Choice>
  </mc:AlternateContent>
  <xr:revisionPtr revIDLastSave="0" documentId="8_{2BA2EF88-F16C-4786-B837-1C45D0FDF338}" xr6:coauthVersionLast="47" xr6:coauthVersionMax="47" xr10:uidLastSave="{00000000-0000-0000-0000-000000000000}"/>
  <bookViews>
    <workbookView xWindow="-120" yWindow="-120" windowWidth="29040" windowHeight="15720" xr2:uid="{08AA0354-6EAC-4129-820E-3F4CEA257C5A}"/>
  </bookViews>
  <sheets>
    <sheet name="１．人口・世帯数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4" uniqueCount="22">
  <si>
    <t>１．富山市の人口・世帯数・世帯人員（各年９月末）</t>
    <rPh sb="2" eb="5">
      <t>トヤマシ</t>
    </rPh>
    <rPh sb="6" eb="8">
      <t>ジンコウ</t>
    </rPh>
    <rPh sb="9" eb="12">
      <t>セタイスウ</t>
    </rPh>
    <rPh sb="13" eb="15">
      <t>セタイ</t>
    </rPh>
    <rPh sb="15" eb="17">
      <t>ジンイン</t>
    </rPh>
    <rPh sb="18" eb="20">
      <t>カクネン</t>
    </rPh>
    <rPh sb="21" eb="23">
      <t>ガツマツ</t>
    </rPh>
    <phoneticPr fontId="4"/>
  </si>
  <si>
    <t>年　　　次</t>
    <rPh sb="0" eb="1">
      <t>トシ</t>
    </rPh>
    <rPh sb="4" eb="5">
      <t>ツギ</t>
    </rPh>
    <phoneticPr fontId="4"/>
  </si>
  <si>
    <t>人　　　口</t>
    <rPh sb="0" eb="1">
      <t>ヒト</t>
    </rPh>
    <rPh sb="4" eb="5">
      <t>クチ</t>
    </rPh>
    <phoneticPr fontId="4"/>
  </si>
  <si>
    <t>世　帯　数</t>
    <rPh sb="0" eb="1">
      <t>ヨ</t>
    </rPh>
    <rPh sb="2" eb="3">
      <t>オビ</t>
    </rPh>
    <rPh sb="4" eb="5">
      <t>カズ</t>
    </rPh>
    <phoneticPr fontId="4"/>
  </si>
  <si>
    <t>世 帯 人 員</t>
    <rPh sb="0" eb="1">
      <t>ヨ</t>
    </rPh>
    <rPh sb="2" eb="3">
      <t>オビ</t>
    </rPh>
    <rPh sb="4" eb="5">
      <t>ヒト</t>
    </rPh>
    <rPh sb="6" eb="7">
      <t>イン</t>
    </rPh>
    <phoneticPr fontId="4"/>
  </si>
  <si>
    <t>昭和55</t>
    <rPh sb="0" eb="2">
      <t>ショウワ</t>
    </rPh>
    <phoneticPr fontId="4"/>
  </si>
  <si>
    <t>　　60</t>
  </si>
  <si>
    <t>平成2</t>
    <rPh sb="0" eb="2">
      <t>ヘイセイ</t>
    </rPh>
    <phoneticPr fontId="4"/>
  </si>
  <si>
    <t>　　7</t>
  </si>
  <si>
    <t xml:space="preserve"> 　12</t>
  </si>
  <si>
    <t>旧富山市</t>
    <rPh sb="0" eb="1">
      <t>キュウ</t>
    </rPh>
    <rPh sb="1" eb="3">
      <t>トヤマ</t>
    </rPh>
    <rPh sb="3" eb="4">
      <t>シ</t>
    </rPh>
    <phoneticPr fontId="4"/>
  </si>
  <si>
    <t xml:space="preserve"> 　17</t>
  </si>
  <si>
    <t>新富山市</t>
    <rPh sb="0" eb="1">
      <t>シン</t>
    </rPh>
    <rPh sb="1" eb="4">
      <t>ト</t>
    </rPh>
    <phoneticPr fontId="4"/>
  </si>
  <si>
    <t xml:space="preserve"> 　22</t>
  </si>
  <si>
    <t xml:space="preserve">   27</t>
  </si>
  <si>
    <t>令和元</t>
    <rPh sb="0" eb="2">
      <t>レイワ</t>
    </rPh>
    <rPh sb="2" eb="3">
      <t>ガン</t>
    </rPh>
    <phoneticPr fontId="4"/>
  </si>
  <si>
    <t>　　2</t>
  </si>
  <si>
    <t>　　3</t>
  </si>
  <si>
    <t>　　4</t>
  </si>
  <si>
    <t>　　5</t>
  </si>
  <si>
    <t>　　6</t>
  </si>
  <si>
    <t>※平成12年までは旧富山市の
　数値となっています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"/>
    <numFmt numFmtId="177" formatCode="#,##0.00_ "/>
    <numFmt numFmtId="178" formatCode="#,##0_ ;[Red]\-#,##0\ "/>
  </numFmts>
  <fonts count="7" x14ac:knownFonts="1">
    <font>
      <sz val="11"/>
      <name val="ＭＳ 明朝"/>
      <family val="1"/>
    </font>
    <font>
      <sz val="11"/>
      <name val="ＭＳ 明朝"/>
      <family val="1"/>
    </font>
    <font>
      <b/>
      <sz val="14"/>
      <name val="BIZ UDゴシック"/>
      <family val="3"/>
    </font>
    <font>
      <sz val="6"/>
      <name val="ＭＳ Ｐ明朝"/>
      <family val="1"/>
      <charset val="128"/>
    </font>
    <font>
      <sz val="6"/>
      <name val="ＭＳ 明朝"/>
      <family val="1"/>
    </font>
    <font>
      <sz val="11"/>
      <name val="BIZ UDゴシック"/>
      <family val="3"/>
    </font>
    <font>
      <sz val="14"/>
      <name val="BIZ UD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vertical="center"/>
    </xf>
    <xf numFmtId="0" fontId="5" fillId="0" borderId="0" xfId="0" applyFont="1"/>
    <xf numFmtId="0" fontId="6" fillId="0" borderId="0" xfId="0" applyFont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49" fontId="5" fillId="0" borderId="5" xfId="0" applyNumberFormat="1" applyFont="1" applyBorder="1" applyAlignment="1">
      <alignment horizontal="center" vertical="center"/>
    </xf>
    <xf numFmtId="176" fontId="5" fillId="0" borderId="6" xfId="0" applyNumberFormat="1" applyFont="1" applyBorder="1" applyAlignment="1">
      <alignment vertical="center"/>
    </xf>
    <xf numFmtId="38" fontId="5" fillId="0" borderId="7" xfId="1" applyFont="1" applyBorder="1" applyAlignment="1">
      <alignment vertical="center"/>
    </xf>
    <xf numFmtId="177" fontId="5" fillId="0" borderId="8" xfId="0" applyNumberFormat="1" applyFont="1" applyBorder="1" applyAlignment="1">
      <alignment vertical="center"/>
    </xf>
    <xf numFmtId="49" fontId="5" fillId="0" borderId="9" xfId="0" applyNumberFormat="1" applyFont="1" applyBorder="1" applyAlignment="1">
      <alignment horizontal="center" vertical="center"/>
    </xf>
    <xf numFmtId="176" fontId="5" fillId="0" borderId="10" xfId="0" applyNumberFormat="1" applyFont="1" applyBorder="1" applyAlignment="1">
      <alignment vertical="center"/>
    </xf>
    <xf numFmtId="38" fontId="5" fillId="0" borderId="11" xfId="1" applyFont="1" applyBorder="1" applyAlignment="1">
      <alignment vertical="center"/>
    </xf>
    <xf numFmtId="177" fontId="5" fillId="0" borderId="12" xfId="0" applyNumberFormat="1" applyFont="1" applyBorder="1" applyAlignment="1">
      <alignment vertical="center"/>
    </xf>
    <xf numFmtId="0" fontId="5" fillId="0" borderId="0" xfId="0" applyFont="1" applyAlignment="1">
      <alignment vertical="center"/>
    </xf>
    <xf numFmtId="49" fontId="5" fillId="0" borderId="13" xfId="0" applyNumberFormat="1" applyFont="1" applyBorder="1" applyAlignment="1">
      <alignment horizontal="center" vertical="center"/>
    </xf>
    <xf numFmtId="176" fontId="5" fillId="0" borderId="14" xfId="0" applyNumberFormat="1" applyFont="1" applyBorder="1" applyAlignment="1">
      <alignment vertical="center"/>
    </xf>
    <xf numFmtId="38" fontId="5" fillId="0" borderId="15" xfId="1" applyFont="1" applyFill="1" applyBorder="1" applyAlignment="1">
      <alignment vertical="center"/>
    </xf>
    <xf numFmtId="177" fontId="5" fillId="0" borderId="16" xfId="0" applyNumberFormat="1" applyFont="1" applyBorder="1" applyAlignment="1">
      <alignment vertical="center"/>
    </xf>
    <xf numFmtId="2" fontId="5" fillId="0" borderId="0" xfId="0" applyNumberFormat="1" applyFont="1"/>
    <xf numFmtId="178" fontId="5" fillId="0" borderId="17" xfId="1" applyNumberFormat="1" applyFont="1" applyFill="1" applyBorder="1" applyAlignment="1">
      <alignment horizontal="right" vertical="center"/>
    </xf>
    <xf numFmtId="177" fontId="5" fillId="0" borderId="18" xfId="0" applyNumberFormat="1" applyFont="1" applyBorder="1" applyAlignment="1">
      <alignment vertical="center"/>
    </xf>
    <xf numFmtId="49" fontId="5" fillId="0" borderId="0" xfId="0" applyNumberFormat="1" applyFont="1"/>
    <xf numFmtId="177" fontId="5" fillId="0" borderId="19" xfId="0" applyNumberFormat="1" applyFont="1" applyBorder="1" applyAlignment="1">
      <alignment vertical="center"/>
    </xf>
    <xf numFmtId="49" fontId="5" fillId="0" borderId="20" xfId="0" applyNumberFormat="1" applyFont="1" applyBorder="1" applyAlignment="1">
      <alignment horizontal="center" vertical="center"/>
    </xf>
    <xf numFmtId="176" fontId="5" fillId="0" borderId="21" xfId="0" applyNumberFormat="1" applyFont="1" applyBorder="1" applyAlignment="1">
      <alignment vertical="center"/>
    </xf>
    <xf numFmtId="38" fontId="5" fillId="0" borderId="22" xfId="1" applyFont="1" applyFill="1" applyBorder="1" applyAlignment="1">
      <alignment vertical="center"/>
    </xf>
    <xf numFmtId="177" fontId="5" fillId="0" borderId="23" xfId="0" applyNumberFormat="1" applyFont="1" applyBorder="1" applyAlignment="1">
      <alignment vertical="center"/>
    </xf>
    <xf numFmtId="0" fontId="5" fillId="0" borderId="0" xfId="0" applyFont="1" applyAlignment="1">
      <alignment horizontal="right"/>
    </xf>
    <xf numFmtId="49" fontId="5" fillId="2" borderId="1" xfId="0" applyNumberFormat="1" applyFont="1" applyFill="1" applyBorder="1" applyAlignment="1">
      <alignment horizontal="center" vertical="center"/>
    </xf>
    <xf numFmtId="176" fontId="5" fillId="2" borderId="24" xfId="0" applyNumberFormat="1" applyFont="1" applyFill="1" applyBorder="1" applyAlignment="1">
      <alignment vertical="center"/>
    </xf>
    <xf numFmtId="38" fontId="5" fillId="2" borderId="25" xfId="1" applyFont="1" applyFill="1" applyBorder="1" applyAlignment="1">
      <alignment vertical="center"/>
    </xf>
    <xf numFmtId="177" fontId="5" fillId="2" borderId="4" xfId="0" applyNumberFormat="1" applyFont="1" applyFill="1" applyBorder="1" applyAlignment="1">
      <alignment vertical="center"/>
    </xf>
    <xf numFmtId="49" fontId="5" fillId="0" borderId="0" xfId="0" applyNumberFormat="1" applyFont="1" applyAlignment="1">
      <alignment horizontal="center" vertical="center"/>
    </xf>
    <xf numFmtId="176" fontId="5" fillId="0" borderId="0" xfId="0" applyNumberFormat="1" applyFont="1" applyAlignment="1">
      <alignment vertical="center"/>
    </xf>
    <xf numFmtId="38" fontId="5" fillId="0" borderId="0" xfId="1" applyFont="1" applyFill="1" applyAlignment="1">
      <alignment vertical="center"/>
    </xf>
    <xf numFmtId="177" fontId="5" fillId="0" borderId="0" xfId="0" applyNumberFormat="1" applyFont="1" applyAlignment="1">
      <alignment vertical="center"/>
    </xf>
    <xf numFmtId="0" fontId="5" fillId="0" borderId="1" xfId="0" applyFont="1" applyBorder="1" applyAlignment="1">
      <alignment horizontal="center" wrapText="1"/>
    </xf>
    <xf numFmtId="0" fontId="5" fillId="0" borderId="0" xfId="0" applyFont="1" applyAlignment="1">
      <alignment horizontal="left" wrapText="1"/>
    </xf>
    <xf numFmtId="0" fontId="5" fillId="0" borderId="0" xfId="0" applyFont="1" applyAlignment="1">
      <alignment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36206007390673"/>
          <c:y val="0.14401317255317769"/>
          <c:w val="0.82147416007597929"/>
          <c:h val="0.75728275005491197"/>
        </c:manualLayout>
      </c:layout>
      <c:barChart>
        <c:barDir val="col"/>
        <c:grouping val="clustered"/>
        <c:varyColors val="0"/>
        <c:ser>
          <c:idx val="1"/>
          <c:order val="0"/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．人口・世帯数'!$C$4:$C$18</c:f>
              <c:strCache>
                <c:ptCount val="15"/>
                <c:pt idx="0">
                  <c:v>昭和55</c:v>
                </c:pt>
                <c:pt idx="1">
                  <c:v>　　60</c:v>
                </c:pt>
                <c:pt idx="2">
                  <c:v>平成2</c:v>
                </c:pt>
                <c:pt idx="3">
                  <c:v>　　7</c:v>
                </c:pt>
                <c:pt idx="4">
                  <c:v> 　12</c:v>
                </c:pt>
                <c:pt idx="5">
                  <c:v> 　17</c:v>
                </c:pt>
                <c:pt idx="6">
                  <c:v> 　22</c:v>
                </c:pt>
                <c:pt idx="7">
                  <c:v>   27</c:v>
                </c:pt>
                <c:pt idx="8">
                  <c:v>令和元</c:v>
                </c:pt>
                <c:pt idx="9">
                  <c:v>　　2</c:v>
                </c:pt>
                <c:pt idx="10">
                  <c:v>　　3</c:v>
                </c:pt>
                <c:pt idx="11">
                  <c:v>　　4</c:v>
                </c:pt>
                <c:pt idx="12">
                  <c:v>　　5</c:v>
                </c:pt>
                <c:pt idx="13">
                  <c:v>　　6</c:v>
                </c:pt>
                <c:pt idx="14">
                  <c:v>　　7</c:v>
                </c:pt>
              </c:strCache>
            </c:strRef>
          </c:cat>
          <c:val>
            <c:numRef>
              <c:f>'１．人口・世帯数'!$D$4:$D$18</c:f>
              <c:numCache>
                <c:formatCode>#,##0_ </c:formatCode>
                <c:ptCount val="15"/>
                <c:pt idx="0">
                  <c:v>303930</c:v>
                </c:pt>
                <c:pt idx="1">
                  <c:v>312666</c:v>
                </c:pt>
                <c:pt idx="2">
                  <c:v>318867</c:v>
                </c:pt>
                <c:pt idx="3">
                  <c:v>322278</c:v>
                </c:pt>
                <c:pt idx="4">
                  <c:v>322676</c:v>
                </c:pt>
                <c:pt idx="5">
                  <c:v>418563</c:v>
                </c:pt>
                <c:pt idx="6">
                  <c:v>417714</c:v>
                </c:pt>
                <c:pt idx="7">
                  <c:v>418957</c:v>
                </c:pt>
                <c:pt idx="8">
                  <c:v>416175</c:v>
                </c:pt>
                <c:pt idx="9">
                  <c:v>414354</c:v>
                </c:pt>
                <c:pt idx="10">
                  <c:v>411956</c:v>
                </c:pt>
                <c:pt idx="11" formatCode="#,##0_ ;[Red]\-#,##0\ ">
                  <c:v>409580</c:v>
                </c:pt>
                <c:pt idx="12">
                  <c:v>407058</c:v>
                </c:pt>
                <c:pt idx="13">
                  <c:v>404401</c:v>
                </c:pt>
                <c:pt idx="14">
                  <c:v>4020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544-4DE3-A580-7C8FE1899EF3}"/>
            </c:ext>
          </c:extLst>
        </c:ser>
        <c:ser>
          <c:idx val="0"/>
          <c:order val="1"/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．人口・世帯数'!$C$4:$C$18</c:f>
              <c:strCache>
                <c:ptCount val="15"/>
                <c:pt idx="0">
                  <c:v>昭和55</c:v>
                </c:pt>
                <c:pt idx="1">
                  <c:v>　　60</c:v>
                </c:pt>
                <c:pt idx="2">
                  <c:v>平成2</c:v>
                </c:pt>
                <c:pt idx="3">
                  <c:v>　　7</c:v>
                </c:pt>
                <c:pt idx="4">
                  <c:v> 　12</c:v>
                </c:pt>
                <c:pt idx="5">
                  <c:v> 　17</c:v>
                </c:pt>
                <c:pt idx="6">
                  <c:v> 　22</c:v>
                </c:pt>
                <c:pt idx="7">
                  <c:v>   27</c:v>
                </c:pt>
                <c:pt idx="8">
                  <c:v>令和元</c:v>
                </c:pt>
                <c:pt idx="9">
                  <c:v>　　2</c:v>
                </c:pt>
                <c:pt idx="10">
                  <c:v>　　3</c:v>
                </c:pt>
                <c:pt idx="11">
                  <c:v>　　4</c:v>
                </c:pt>
                <c:pt idx="12">
                  <c:v>　　5</c:v>
                </c:pt>
                <c:pt idx="13">
                  <c:v>　　6</c:v>
                </c:pt>
                <c:pt idx="14">
                  <c:v>　　7</c:v>
                </c:pt>
              </c:strCache>
            </c:strRef>
          </c:cat>
          <c:val>
            <c:numRef>
              <c:f>'１．人口・世帯数'!$E$4:$E$18</c:f>
              <c:numCache>
                <c:formatCode>#,##0_);[Red]\(#,##0\)</c:formatCode>
                <c:ptCount val="15"/>
                <c:pt idx="0">
                  <c:v>88716</c:v>
                </c:pt>
                <c:pt idx="1">
                  <c:v>95217</c:v>
                </c:pt>
                <c:pt idx="2">
                  <c:v>101666</c:v>
                </c:pt>
                <c:pt idx="3">
                  <c:v>109395</c:v>
                </c:pt>
                <c:pt idx="4">
                  <c:v>116719</c:v>
                </c:pt>
                <c:pt idx="5">
                  <c:v>152641</c:v>
                </c:pt>
                <c:pt idx="6">
                  <c:v>161589</c:v>
                </c:pt>
                <c:pt idx="7">
                  <c:v>172052</c:v>
                </c:pt>
                <c:pt idx="8">
                  <c:v>179938</c:v>
                </c:pt>
                <c:pt idx="9">
                  <c:v>181394</c:v>
                </c:pt>
                <c:pt idx="10">
                  <c:v>182399</c:v>
                </c:pt>
                <c:pt idx="11">
                  <c:v>183937</c:v>
                </c:pt>
                <c:pt idx="12">
                  <c:v>185060</c:v>
                </c:pt>
                <c:pt idx="13">
                  <c:v>186578</c:v>
                </c:pt>
                <c:pt idx="14">
                  <c:v>18806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544-4DE3-A580-7C8FE1899EF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"/>
        <c:axId val="2"/>
      </c:barChart>
      <c:lineChart>
        <c:grouping val="standard"/>
        <c:varyColors val="0"/>
        <c:ser>
          <c:idx val="2"/>
          <c:order val="2"/>
          <c:spPr>
            <a:ln w="25400">
              <a:solidFill>
                <a:srgbClr val="008000"/>
              </a:solidFill>
              <a:prstDash val="solid"/>
            </a:ln>
          </c:spPr>
          <c:marker>
            <c:symbol val="diamond"/>
            <c:size val="8"/>
            <c:spPr>
              <a:solidFill>
                <a:srgbClr val="008000"/>
              </a:solidFill>
              <a:ln>
                <a:solidFill>
                  <a:srgbClr val="008000"/>
                </a:solidFill>
                <a:prstDash val="solid"/>
              </a:ln>
            </c:spPr>
          </c:marker>
          <c:cat>
            <c:strRef>
              <c:f>'１．人口・世帯数'!$C$4:$C$18</c:f>
              <c:strCache>
                <c:ptCount val="15"/>
                <c:pt idx="0">
                  <c:v>昭和55</c:v>
                </c:pt>
                <c:pt idx="1">
                  <c:v>　　60</c:v>
                </c:pt>
                <c:pt idx="2">
                  <c:v>平成2</c:v>
                </c:pt>
                <c:pt idx="3">
                  <c:v>　　7</c:v>
                </c:pt>
                <c:pt idx="4">
                  <c:v> 　12</c:v>
                </c:pt>
                <c:pt idx="5">
                  <c:v> 　17</c:v>
                </c:pt>
                <c:pt idx="6">
                  <c:v> 　22</c:v>
                </c:pt>
                <c:pt idx="7">
                  <c:v>   27</c:v>
                </c:pt>
                <c:pt idx="8">
                  <c:v>令和元</c:v>
                </c:pt>
                <c:pt idx="9">
                  <c:v>　　2</c:v>
                </c:pt>
                <c:pt idx="10">
                  <c:v>　　3</c:v>
                </c:pt>
                <c:pt idx="11">
                  <c:v>　　4</c:v>
                </c:pt>
                <c:pt idx="12">
                  <c:v>　　5</c:v>
                </c:pt>
                <c:pt idx="13">
                  <c:v>　　6</c:v>
                </c:pt>
                <c:pt idx="14">
                  <c:v>　　7</c:v>
                </c:pt>
              </c:strCache>
            </c:strRef>
          </c:cat>
          <c:val>
            <c:numRef>
              <c:f>'１．人口・世帯数'!$F$4:$F$18</c:f>
              <c:numCache>
                <c:formatCode>#,##0.00_ </c:formatCode>
                <c:ptCount val="15"/>
                <c:pt idx="0">
                  <c:v>3.43</c:v>
                </c:pt>
                <c:pt idx="1">
                  <c:v>3.28</c:v>
                </c:pt>
                <c:pt idx="2">
                  <c:v>3.14</c:v>
                </c:pt>
                <c:pt idx="3">
                  <c:v>2.95</c:v>
                </c:pt>
                <c:pt idx="4">
                  <c:v>2.76</c:v>
                </c:pt>
                <c:pt idx="5">
                  <c:v>2.74</c:v>
                </c:pt>
                <c:pt idx="6">
                  <c:v>2.59</c:v>
                </c:pt>
                <c:pt idx="7">
                  <c:v>2.44</c:v>
                </c:pt>
                <c:pt idx="8">
                  <c:v>2.31</c:v>
                </c:pt>
                <c:pt idx="9">
                  <c:v>2.2799999999999998</c:v>
                </c:pt>
                <c:pt idx="10">
                  <c:v>2.2599999999999998</c:v>
                </c:pt>
                <c:pt idx="11">
                  <c:v>2.23</c:v>
                </c:pt>
                <c:pt idx="12">
                  <c:v>2.2000000000000002</c:v>
                </c:pt>
                <c:pt idx="13">
                  <c:v>2.17</c:v>
                </c:pt>
                <c:pt idx="14">
                  <c:v>2.137649948953547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9544-4DE3-A580-7C8FE1899EF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1"/>
        <c:axId val="12"/>
      </c:lineChart>
      <c:catAx>
        <c:axId val="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2700000" horzOverflow="overflow" anchor="ctr" anchorCtr="1"/>
          <a:lstStyle/>
          <a:p>
            <a:pPr algn="ctr" rtl="0">
              <a:defRPr sz="900">
                <a:solidFill>
                  <a:srgbClr val="000000"/>
                </a:solidFill>
                <a:cs typeface="ＭＳ ゴシック"/>
              </a:defRPr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  <c:max val="45000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#,##0_ 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horzOverflow="overflow" anchor="ctr" anchorCtr="1"/>
          <a:lstStyle/>
          <a:p>
            <a:pPr algn="ctr" rtl="0">
              <a:defRPr sz="1000">
                <a:solidFill>
                  <a:srgbClr val="000000"/>
                </a:solidFill>
                <a:cs typeface="ＭＳ ゴシック"/>
              </a:defRPr>
            </a:pPr>
            <a:endParaRPr lang="ja-JP"/>
          </a:p>
        </c:txPr>
        <c:crossAx val="1"/>
        <c:crosses val="autoZero"/>
        <c:crossBetween val="between"/>
      </c:valAx>
      <c:catAx>
        <c:axId val="11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2"/>
        <c:crosses val="autoZero"/>
        <c:auto val="0"/>
        <c:lblAlgn val="ctr"/>
        <c:lblOffset val="100"/>
        <c:noMultiLvlLbl val="0"/>
      </c:catAx>
      <c:valAx>
        <c:axId val="12"/>
        <c:scaling>
          <c:orientation val="minMax"/>
          <c:max val="4"/>
        </c:scaling>
        <c:delete val="0"/>
        <c:axPos val="r"/>
        <c:numFmt formatCode="#,##0.00_ 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horzOverflow="overflow" anchor="ctr" anchorCtr="1"/>
          <a:lstStyle/>
          <a:p>
            <a:pPr algn="ctr" rtl="0">
              <a:defRPr sz="1000">
                <a:solidFill>
                  <a:srgbClr val="000000"/>
                </a:solidFill>
                <a:cs typeface="ＭＳ ゴシック"/>
              </a:defRPr>
            </a:pPr>
            <a:endParaRPr lang="ja-JP"/>
          </a:p>
        </c:txPr>
        <c:crossAx val="11"/>
        <c:crosses val="max"/>
        <c:crossBetween val="between"/>
      </c:valAx>
      <c:spPr>
        <a:noFill/>
        <a:ln w="25400">
          <a:noFill/>
        </a:ln>
      </c:spPr>
    </c:plotArea>
    <c:plotVisOnly val="1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/>
          <a:ea typeface="BIZ UD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  <c:extLst/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019810</xdr:colOff>
      <xdr:row>29</xdr:row>
      <xdr:rowOff>85725</xdr:rowOff>
    </xdr:from>
    <xdr:to>
      <xdr:col>4</xdr:col>
      <xdr:colOff>657860</xdr:colOff>
      <xdr:row>31</xdr:row>
      <xdr:rowOff>66675</xdr:rowOff>
    </xdr:to>
    <xdr:sp macro="" textlink="">
      <xdr:nvSpPr>
        <xdr:cNvPr id="2" name="AutoShape 2">
          <a:extLst>
            <a:ext uri="{FF2B5EF4-FFF2-40B4-BE49-F238E27FC236}">
              <a16:creationId xmlns:a16="http://schemas.microsoft.com/office/drawing/2014/main" id="{0230C42A-A14B-41DA-9B84-0B803001FF7D}"/>
            </a:ext>
          </a:extLst>
        </xdr:cNvPr>
        <xdr:cNvSpPr>
          <a:spLocks noChangeArrowheads="1"/>
        </xdr:cNvSpPr>
      </xdr:nvSpPr>
      <xdr:spPr>
        <a:xfrm>
          <a:off x="3620135" y="6648450"/>
          <a:ext cx="828675" cy="285750"/>
        </a:xfrm>
        <a:prstGeom prst="wedgeRoundRectCallout">
          <a:avLst>
            <a:gd name="adj1" fmla="val -17815"/>
            <a:gd name="adj2" fmla="val 160000"/>
            <a:gd name="adj3" fmla="val 16667"/>
          </a:avLst>
        </a:prstGeom>
        <a:solidFill>
          <a:srgbClr val="FFCC99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horzOverflow="overflow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人　口</a:t>
          </a:r>
          <a:endParaRPr lang="ja-JP" altLang="en-US"/>
        </a:p>
      </xdr:txBody>
    </xdr:sp>
    <xdr:clientData/>
  </xdr:twoCellAnchor>
  <xdr:twoCellAnchor>
    <xdr:from>
      <xdr:col>4</xdr:col>
      <xdr:colOff>227965</xdr:colOff>
      <xdr:row>42</xdr:row>
      <xdr:rowOff>133350</xdr:rowOff>
    </xdr:from>
    <xdr:to>
      <xdr:col>4</xdr:col>
      <xdr:colOff>1161415</xdr:colOff>
      <xdr:row>44</xdr:row>
      <xdr:rowOff>104775</xdr:rowOff>
    </xdr:to>
    <xdr:sp macro="" textlink="">
      <xdr:nvSpPr>
        <xdr:cNvPr id="3" name="AutoShape 3">
          <a:extLst>
            <a:ext uri="{FF2B5EF4-FFF2-40B4-BE49-F238E27FC236}">
              <a16:creationId xmlns:a16="http://schemas.microsoft.com/office/drawing/2014/main" id="{3EE1FBCF-FA01-4F53-97B9-C074CF3904FC}"/>
            </a:ext>
          </a:extLst>
        </xdr:cNvPr>
        <xdr:cNvSpPr>
          <a:spLocks noChangeArrowheads="1"/>
        </xdr:cNvSpPr>
      </xdr:nvSpPr>
      <xdr:spPr>
        <a:xfrm>
          <a:off x="4018915" y="8677275"/>
          <a:ext cx="933450" cy="276225"/>
        </a:xfrm>
        <a:prstGeom prst="wedgeRoundRectCallout">
          <a:avLst>
            <a:gd name="adj1" fmla="val -52042"/>
            <a:gd name="adj2" fmla="val 143102"/>
            <a:gd name="adj3" fmla="val 16667"/>
          </a:avLst>
        </a:prstGeom>
        <a:solidFill>
          <a:srgbClr val="99CC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horzOverflow="overflow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世 帯 数</a:t>
          </a:r>
          <a:endParaRPr lang="ja-JP" altLang="en-US"/>
        </a:p>
      </xdr:txBody>
    </xdr:sp>
    <xdr:clientData/>
  </xdr:twoCellAnchor>
  <xdr:twoCellAnchor>
    <xdr:from>
      <xdr:col>2</xdr:col>
      <xdr:colOff>323850</xdr:colOff>
      <xdr:row>29</xdr:row>
      <xdr:rowOff>114300</xdr:rowOff>
    </xdr:from>
    <xdr:to>
      <xdr:col>3</xdr:col>
      <xdr:colOff>38100</xdr:colOff>
      <xdr:row>31</xdr:row>
      <xdr:rowOff>76200</xdr:rowOff>
    </xdr:to>
    <xdr:sp macro="" textlink="">
      <xdr:nvSpPr>
        <xdr:cNvPr id="4" name="AutoShape 4">
          <a:extLst>
            <a:ext uri="{FF2B5EF4-FFF2-40B4-BE49-F238E27FC236}">
              <a16:creationId xmlns:a16="http://schemas.microsoft.com/office/drawing/2014/main" id="{A6D4205F-EDE8-4FF6-9D5D-7E5CA3B2377D}"/>
            </a:ext>
          </a:extLst>
        </xdr:cNvPr>
        <xdr:cNvSpPr>
          <a:spLocks noChangeArrowheads="1"/>
        </xdr:cNvSpPr>
      </xdr:nvSpPr>
      <xdr:spPr>
        <a:xfrm>
          <a:off x="1733550" y="6677025"/>
          <a:ext cx="904875" cy="266700"/>
        </a:xfrm>
        <a:prstGeom prst="wedgeRoundRectCallout">
          <a:avLst>
            <a:gd name="adj1" fmla="val -59472"/>
            <a:gd name="adj2" fmla="val 135713"/>
            <a:gd name="adj3" fmla="val 16667"/>
          </a:avLst>
        </a:prstGeom>
        <a:solidFill>
          <a:srgbClr val="008000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horzOverflow="overflow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FFFFFF"/>
              </a:solidFill>
              <a:latin typeface="ＭＳ ゴシック"/>
              <a:ea typeface="ＭＳ ゴシック"/>
            </a:rPr>
            <a:t>世帯人員</a:t>
          </a:r>
          <a:endParaRPr lang="ja-JP" altLang="en-US"/>
        </a:p>
      </xdr:txBody>
    </xdr:sp>
    <xdr:clientData/>
  </xdr:twoCellAnchor>
  <xdr:twoCellAnchor>
    <xdr:from>
      <xdr:col>0</xdr:col>
      <xdr:colOff>228600</xdr:colOff>
      <xdr:row>20</xdr:row>
      <xdr:rowOff>47625</xdr:rowOff>
    </xdr:from>
    <xdr:to>
      <xdr:col>8</xdr:col>
      <xdr:colOff>352425</xdr:colOff>
      <xdr:row>58</xdr:row>
      <xdr:rowOff>123825</xdr:rowOff>
    </xdr:to>
    <xdr:graphicFrame macro="">
      <xdr:nvGraphicFramePr>
        <xdr:cNvPr id="5" name="グラフ 8">
          <a:extLst>
            <a:ext uri="{FF2B5EF4-FFF2-40B4-BE49-F238E27FC236}">
              <a16:creationId xmlns:a16="http://schemas.microsoft.com/office/drawing/2014/main" id="{B1C87522-0EDF-450D-8B02-58A42C86B57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1013460</xdr:colOff>
      <xdr:row>25</xdr:row>
      <xdr:rowOff>123825</xdr:rowOff>
    </xdr:from>
    <xdr:to>
      <xdr:col>3</xdr:col>
      <xdr:colOff>451485</xdr:colOff>
      <xdr:row>27</xdr:row>
      <xdr:rowOff>104775</xdr:rowOff>
    </xdr:to>
    <xdr:sp macro="" textlink="">
      <xdr:nvSpPr>
        <xdr:cNvPr id="6" name="AutoShape 9">
          <a:extLst>
            <a:ext uri="{FF2B5EF4-FFF2-40B4-BE49-F238E27FC236}">
              <a16:creationId xmlns:a16="http://schemas.microsoft.com/office/drawing/2014/main" id="{E0E88EBE-807E-4263-BAEB-AC2CE432EF01}"/>
            </a:ext>
          </a:extLst>
        </xdr:cNvPr>
        <xdr:cNvSpPr>
          <a:spLocks noChangeArrowheads="1"/>
        </xdr:cNvSpPr>
      </xdr:nvSpPr>
      <xdr:spPr>
        <a:xfrm>
          <a:off x="2423160" y="6076950"/>
          <a:ext cx="628650" cy="285750"/>
        </a:xfrm>
        <a:prstGeom prst="wedgeRoundRectCallout">
          <a:avLst>
            <a:gd name="adj1" fmla="val 68184"/>
            <a:gd name="adj2" fmla="val 40000"/>
            <a:gd name="adj3" fmla="val 16667"/>
          </a:avLst>
        </a:prstGeom>
        <a:solidFill>
          <a:srgbClr val="FFCC99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horzOverflow="overflow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人　口</a:t>
          </a:r>
          <a:endParaRPr lang="ja-JP" altLang="en-US">
            <a:latin typeface="BIZ UDゴシック"/>
            <a:ea typeface="BIZ UDゴシック"/>
          </a:endParaRPr>
        </a:p>
      </xdr:txBody>
    </xdr:sp>
    <xdr:clientData/>
  </xdr:twoCellAnchor>
  <xdr:twoCellAnchor>
    <xdr:from>
      <xdr:col>2</xdr:col>
      <xdr:colOff>736600</xdr:colOff>
      <xdr:row>43</xdr:row>
      <xdr:rowOff>150495</xdr:rowOff>
    </xdr:from>
    <xdr:to>
      <xdr:col>3</xdr:col>
      <xdr:colOff>165100</xdr:colOff>
      <xdr:row>45</xdr:row>
      <xdr:rowOff>121920</xdr:rowOff>
    </xdr:to>
    <xdr:sp macro="" textlink="">
      <xdr:nvSpPr>
        <xdr:cNvPr id="7" name="AutoShape 10">
          <a:extLst>
            <a:ext uri="{FF2B5EF4-FFF2-40B4-BE49-F238E27FC236}">
              <a16:creationId xmlns:a16="http://schemas.microsoft.com/office/drawing/2014/main" id="{2B8F0ACE-127D-4BEE-BA3B-40A42CEC9320}"/>
            </a:ext>
          </a:extLst>
        </xdr:cNvPr>
        <xdr:cNvSpPr>
          <a:spLocks noChangeArrowheads="1"/>
        </xdr:cNvSpPr>
      </xdr:nvSpPr>
      <xdr:spPr>
        <a:xfrm>
          <a:off x="2146300" y="8846820"/>
          <a:ext cx="619125" cy="276225"/>
        </a:xfrm>
        <a:prstGeom prst="wedgeRoundRectCallout">
          <a:avLst>
            <a:gd name="adj1" fmla="val 10002"/>
            <a:gd name="adj2" fmla="val 105170"/>
            <a:gd name="adj3" fmla="val 16667"/>
          </a:avLst>
        </a:prstGeom>
        <a:solidFill>
          <a:srgbClr val="99CC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horzOverflow="overflow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世帯数</a:t>
          </a:r>
          <a:endParaRPr lang="ja-JP" altLang="en-US">
            <a:latin typeface="BIZ UDゴシック"/>
            <a:ea typeface="BIZ UDゴシック"/>
          </a:endParaRPr>
        </a:p>
      </xdr:txBody>
    </xdr:sp>
    <xdr:clientData/>
  </xdr:twoCellAnchor>
  <xdr:twoCellAnchor>
    <xdr:from>
      <xdr:col>2</xdr:col>
      <xdr:colOff>0</xdr:colOff>
      <xdr:row>26</xdr:row>
      <xdr:rowOff>100965</xdr:rowOff>
    </xdr:from>
    <xdr:to>
      <xdr:col>2</xdr:col>
      <xdr:colOff>571500</xdr:colOff>
      <xdr:row>28</xdr:row>
      <xdr:rowOff>62865</xdr:rowOff>
    </xdr:to>
    <xdr:sp macro="" textlink="">
      <xdr:nvSpPr>
        <xdr:cNvPr id="8" name="AutoShape 11">
          <a:extLst>
            <a:ext uri="{FF2B5EF4-FFF2-40B4-BE49-F238E27FC236}">
              <a16:creationId xmlns:a16="http://schemas.microsoft.com/office/drawing/2014/main" id="{3498E675-197B-401D-80BA-964A4AB860E9}"/>
            </a:ext>
          </a:extLst>
        </xdr:cNvPr>
        <xdr:cNvSpPr>
          <a:spLocks noChangeArrowheads="1"/>
        </xdr:cNvSpPr>
      </xdr:nvSpPr>
      <xdr:spPr>
        <a:xfrm>
          <a:off x="1409700" y="6206490"/>
          <a:ext cx="571500" cy="266700"/>
        </a:xfrm>
        <a:prstGeom prst="wedgeRoundRectCallout">
          <a:avLst>
            <a:gd name="adj1" fmla="val -26148"/>
            <a:gd name="adj2" fmla="val 108694"/>
            <a:gd name="adj3" fmla="val 16667"/>
          </a:avLst>
        </a:prstGeom>
        <a:solidFill>
          <a:srgbClr val="008000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horzOverflow="overflow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FFFFFF"/>
              </a:solidFill>
              <a:latin typeface="BIZ UDゴシック"/>
              <a:ea typeface="BIZ UDゴシック"/>
            </a:rPr>
            <a:t>世帯人員</a:t>
          </a:r>
          <a:endParaRPr lang="ja-JP" altLang="en-US">
            <a:latin typeface="BIZ UDゴシック"/>
            <a:ea typeface="BIZ UDゴシック"/>
          </a:endParaRPr>
        </a:p>
      </xdr:txBody>
    </xdr:sp>
    <xdr:clientData/>
  </xdr:twoCellAnchor>
  <xdr:twoCellAnchor>
    <xdr:from>
      <xdr:col>6</xdr:col>
      <xdr:colOff>228600</xdr:colOff>
      <xdr:row>9</xdr:row>
      <xdr:rowOff>0</xdr:rowOff>
    </xdr:from>
    <xdr:to>
      <xdr:col>6</xdr:col>
      <xdr:colOff>228600</xdr:colOff>
      <xdr:row>18</xdr:row>
      <xdr:rowOff>0</xdr:rowOff>
    </xdr:to>
    <xdr:sp macro="" textlink="">
      <xdr:nvSpPr>
        <xdr:cNvPr id="9" name="Line 13">
          <a:extLst>
            <a:ext uri="{FF2B5EF4-FFF2-40B4-BE49-F238E27FC236}">
              <a16:creationId xmlns:a16="http://schemas.microsoft.com/office/drawing/2014/main" id="{CBEA4982-1D6E-4C43-AD4A-A55E605ACF27}"/>
            </a:ext>
          </a:extLst>
        </xdr:cNvPr>
        <xdr:cNvSpPr>
          <a:spLocks noChangeShapeType="1"/>
        </xdr:cNvSpPr>
      </xdr:nvSpPr>
      <xdr:spPr>
        <a:xfrm flipH="1">
          <a:off x="6362700" y="2466975"/>
          <a:ext cx="0" cy="22288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lg" len="med"/>
        </a:ln>
      </xdr:spPr>
    </xdr:sp>
    <xdr:clientData/>
  </xdr:twoCellAnchor>
  <xdr:twoCellAnchor>
    <xdr:from>
      <xdr:col>3</xdr:col>
      <xdr:colOff>269875</xdr:colOff>
      <xdr:row>56</xdr:row>
      <xdr:rowOff>111125</xdr:rowOff>
    </xdr:from>
    <xdr:to>
      <xdr:col>3</xdr:col>
      <xdr:colOff>269875</xdr:colOff>
      <xdr:row>59</xdr:row>
      <xdr:rowOff>139700</xdr:rowOff>
    </xdr:to>
    <xdr:sp macro="" textlink="">
      <xdr:nvSpPr>
        <xdr:cNvPr id="10" name="Line 14">
          <a:extLst>
            <a:ext uri="{FF2B5EF4-FFF2-40B4-BE49-F238E27FC236}">
              <a16:creationId xmlns:a16="http://schemas.microsoft.com/office/drawing/2014/main" id="{BF0607C3-C998-4AB5-B777-70A9499DA333}"/>
            </a:ext>
          </a:extLst>
        </xdr:cNvPr>
        <xdr:cNvSpPr>
          <a:spLocks noChangeShapeType="1"/>
        </xdr:cNvSpPr>
      </xdr:nvSpPr>
      <xdr:spPr>
        <a:xfrm flipV="1">
          <a:off x="2870200" y="10788650"/>
          <a:ext cx="0" cy="5238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med" len="med"/>
        </a:ln>
      </xdr:spPr>
    </xdr:sp>
    <xdr:clientData/>
  </xdr:twoCellAnchor>
  <xdr:twoCellAnchor>
    <xdr:from>
      <xdr:col>6</xdr:col>
      <xdr:colOff>209550</xdr:colOff>
      <xdr:row>2</xdr:row>
      <xdr:rowOff>247015</xdr:rowOff>
    </xdr:from>
    <xdr:to>
      <xdr:col>6</xdr:col>
      <xdr:colOff>209550</xdr:colOff>
      <xdr:row>7</xdr:row>
      <xdr:rowOff>10160</xdr:rowOff>
    </xdr:to>
    <xdr:sp macro="" textlink="">
      <xdr:nvSpPr>
        <xdr:cNvPr id="11" name="Line 15">
          <a:extLst>
            <a:ext uri="{FF2B5EF4-FFF2-40B4-BE49-F238E27FC236}">
              <a16:creationId xmlns:a16="http://schemas.microsoft.com/office/drawing/2014/main" id="{BA7E2AD1-9C49-483A-BEEE-231B0863C1B4}"/>
            </a:ext>
          </a:extLst>
        </xdr:cNvPr>
        <xdr:cNvSpPr>
          <a:spLocks noChangeShapeType="1"/>
        </xdr:cNvSpPr>
      </xdr:nvSpPr>
      <xdr:spPr>
        <a:xfrm flipH="1" flipV="1">
          <a:off x="6343650" y="980440"/>
          <a:ext cx="0" cy="100139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lg" len="med"/>
        </a:ln>
      </xdr:spPr>
    </xdr:sp>
    <xdr:clientData/>
  </xdr:two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0125</cdr:x>
      <cdr:y>0.06625</cdr:y>
    </cdr:from>
    <cdr:to>
      <cdr:x>0.16575</cdr:x>
      <cdr:y>0.1095</cdr:y>
    </cdr:to>
    <cdr:sp macro="" textlink="">
      <cdr:nvSpPr>
        <cdr:cNvPr id="265217" name="Text Box 1025"/>
        <cdr:cNvSpPr txBox="1">
          <a:spLocks xmlns:a="http://schemas.openxmlformats.org/drawingml/2006/main" noChangeArrowheads="1"/>
        </cdr:cNvSpPr>
      </cdr:nvSpPr>
      <cdr:spPr>
        <a:xfrm xmlns:a="http://schemas.openxmlformats.org/drawingml/2006/main">
          <a:off x="95369" y="389977"/>
          <a:ext cx="1169224" cy="254588"/>
        </a:xfrm>
        <a:prstGeom xmlns:a="http://schemas.openxmlformats.org/drawingml/2006/main" prst="rect">
          <a:avLst/>
        </a:prstGeom>
        <a:solidFill xmlns:a="http://schemas.openxmlformats.org/drawingml/2006/main">
          <a:srgbClr val="99CCFF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horzOverflow="overflow" wrap="square" lIns="27432" tIns="18288" rIns="27432" bIns="18288" anchor="ctr" upright="1"/>
        <a:lstStyle xmlns:a="http://schemas.openxmlformats.org/drawingml/2006/main"/>
        <a:p xmlns:a="http://schemas.openxmlformats.org/drawingml/2006/main"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世帯数（世帯)</a:t>
          </a:r>
          <a:endParaRPr lang="ja-JP" altLang="en-US">
            <a:latin typeface="BIZ UDゴシック"/>
            <a:ea typeface="BIZ UDゴシック"/>
          </a:endParaRPr>
        </a:p>
      </cdr:txBody>
    </cdr:sp>
  </cdr:relSizeAnchor>
  <cdr:relSizeAnchor xmlns:cdr="http://schemas.openxmlformats.org/drawingml/2006/chartDrawing">
    <cdr:from>
      <cdr:x>0.8105</cdr:x>
      <cdr:y>0.057</cdr:y>
    </cdr:from>
    <cdr:to>
      <cdr:x>0.978</cdr:x>
      <cdr:y>0.099</cdr:y>
    </cdr:to>
    <cdr:sp macro="" textlink="">
      <cdr:nvSpPr>
        <cdr:cNvPr id="265218" name="Text Box 1026"/>
        <cdr:cNvSpPr txBox="1">
          <a:spLocks xmlns:a="http://schemas.openxmlformats.org/drawingml/2006/main" noChangeArrowheads="1"/>
        </cdr:cNvSpPr>
      </cdr:nvSpPr>
      <cdr:spPr>
        <a:xfrm xmlns:a="http://schemas.openxmlformats.org/drawingml/2006/main">
          <a:off x="6183730" y="335527"/>
          <a:ext cx="1277945" cy="247230"/>
        </a:xfrm>
        <a:prstGeom xmlns:a="http://schemas.openxmlformats.org/drawingml/2006/main" prst="rect">
          <a:avLst/>
        </a:prstGeom>
        <a:solidFill xmlns:a="http://schemas.openxmlformats.org/drawingml/2006/main">
          <a:srgbClr val="008000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horzOverflow="overflow" wrap="square" lIns="27432" tIns="18288" rIns="27432" bIns="18288" anchor="ctr" upright="1"/>
        <a:lstStyle xmlns:a="http://schemas.openxmlformats.org/drawingml/2006/main"/>
        <a:p xmlns:a="http://schemas.openxmlformats.org/drawingml/2006/main">
          <a:pPr algn="ctr" rtl="0">
            <a:defRPr sz="1000"/>
          </a:pPr>
          <a:r>
            <a:rPr lang="ja-JP" altLang="en-US" sz="1000" b="0" i="0" u="none" strike="noStrike" baseline="0">
              <a:solidFill>
                <a:srgbClr val="FFFFFF"/>
              </a:solidFill>
              <a:latin typeface="BIZ UDゴシック"/>
              <a:ea typeface="BIZ UDゴシック"/>
            </a:rPr>
            <a:t>世帯人員（人)</a:t>
          </a:r>
          <a:endParaRPr lang="ja-JP" altLang="en-US">
            <a:latin typeface="BIZ UDゴシック"/>
            <a:ea typeface="BIZ UDゴシック"/>
          </a:endParaRPr>
        </a:p>
      </cdr:txBody>
    </cdr:sp>
  </cdr:relSizeAnchor>
  <cdr:relSizeAnchor xmlns:cdr="http://schemas.openxmlformats.org/drawingml/2006/chartDrawing">
    <cdr:from>
      <cdr:x>0.0135</cdr:x>
      <cdr:y>0.013</cdr:y>
    </cdr:from>
    <cdr:to>
      <cdr:x>0.16725</cdr:x>
      <cdr:y>0.057</cdr:y>
    </cdr:to>
    <cdr:sp macro="" textlink="">
      <cdr:nvSpPr>
        <cdr:cNvPr id="265219" name="Text Box 1027"/>
        <cdr:cNvSpPr txBox="1">
          <a:spLocks xmlns:a="http://schemas.openxmlformats.org/drawingml/2006/main" noChangeArrowheads="1"/>
        </cdr:cNvSpPr>
      </cdr:nvSpPr>
      <cdr:spPr>
        <a:xfrm xmlns:a="http://schemas.openxmlformats.org/drawingml/2006/main">
          <a:off x="102998" y="76523"/>
          <a:ext cx="1173039" cy="259003"/>
        </a:xfrm>
        <a:prstGeom xmlns:a="http://schemas.openxmlformats.org/drawingml/2006/main" prst="rect">
          <a:avLst/>
        </a:prstGeom>
        <a:solidFill xmlns:a="http://schemas.openxmlformats.org/drawingml/2006/main">
          <a:srgbClr val="FFCC99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horzOverflow="overflow" wrap="square" lIns="27432" tIns="18288" rIns="27432" bIns="18288" anchor="ctr" upright="1"/>
        <a:lstStyle xmlns:a="http://schemas.openxmlformats.org/drawingml/2006/main"/>
        <a:p xmlns:a="http://schemas.openxmlformats.org/drawingml/2006/main"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人　口（人)</a:t>
          </a:r>
          <a:endParaRPr lang="ja-JP" altLang="en-US">
            <a:latin typeface="BIZ UDゴシック"/>
            <a:ea typeface="BIZ UDゴシック"/>
          </a:endParaRPr>
        </a:p>
      </cdr:txBody>
    </cdr:sp>
  </cdr:relSizeAnchor>
</c:userShape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7/&#9675;hp%20R07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>
        <row r="4">
          <cell r="C4" t="str">
            <v>昭和55</v>
          </cell>
          <cell r="D4">
            <v>303930</v>
          </cell>
          <cell r="E4">
            <v>88716</v>
          </cell>
          <cell r="F4">
            <v>3.43</v>
          </cell>
        </row>
        <row r="5">
          <cell r="C5" t="str">
            <v>　　60</v>
          </cell>
          <cell r="D5">
            <v>312666</v>
          </cell>
          <cell r="E5">
            <v>95217</v>
          </cell>
          <cell r="F5">
            <v>3.28</v>
          </cell>
        </row>
        <row r="6">
          <cell r="C6" t="str">
            <v>平成2</v>
          </cell>
          <cell r="D6">
            <v>318867</v>
          </cell>
          <cell r="E6">
            <v>101666</v>
          </cell>
          <cell r="F6">
            <v>3.14</v>
          </cell>
        </row>
        <row r="7">
          <cell r="C7" t="str">
            <v>　　7</v>
          </cell>
          <cell r="D7">
            <v>322278</v>
          </cell>
          <cell r="E7">
            <v>109395</v>
          </cell>
          <cell r="F7">
            <v>2.95</v>
          </cell>
        </row>
        <row r="8">
          <cell r="C8" t="str">
            <v xml:space="preserve"> 　12</v>
          </cell>
          <cell r="D8">
            <v>322676</v>
          </cell>
          <cell r="E8">
            <v>116719</v>
          </cell>
          <cell r="F8">
            <v>2.76</v>
          </cell>
        </row>
        <row r="9">
          <cell r="C9" t="str">
            <v xml:space="preserve"> 　17</v>
          </cell>
          <cell r="D9">
            <v>418563</v>
          </cell>
          <cell r="E9">
            <v>152641</v>
          </cell>
          <cell r="F9">
            <v>2.74</v>
          </cell>
        </row>
        <row r="10">
          <cell r="C10" t="str">
            <v xml:space="preserve"> 　22</v>
          </cell>
          <cell r="D10">
            <v>417714</v>
          </cell>
          <cell r="E10">
            <v>161589</v>
          </cell>
          <cell r="F10">
            <v>2.59</v>
          </cell>
        </row>
        <row r="11">
          <cell r="C11" t="str">
            <v xml:space="preserve">   27</v>
          </cell>
          <cell r="D11">
            <v>418957</v>
          </cell>
          <cell r="E11">
            <v>172052</v>
          </cell>
          <cell r="F11">
            <v>2.44</v>
          </cell>
        </row>
        <row r="12">
          <cell r="C12" t="str">
            <v>令和元</v>
          </cell>
          <cell r="D12">
            <v>416175</v>
          </cell>
          <cell r="E12">
            <v>179938</v>
          </cell>
          <cell r="F12">
            <v>2.31</v>
          </cell>
        </row>
        <row r="13">
          <cell r="C13" t="str">
            <v>　　2</v>
          </cell>
          <cell r="D13">
            <v>414354</v>
          </cell>
          <cell r="E13">
            <v>181394</v>
          </cell>
          <cell r="F13">
            <v>2.2799999999999998</v>
          </cell>
        </row>
        <row r="14">
          <cell r="C14" t="str">
            <v>　　3</v>
          </cell>
          <cell r="D14">
            <v>411956</v>
          </cell>
          <cell r="E14">
            <v>182399</v>
          </cell>
          <cell r="F14">
            <v>2.2599999999999998</v>
          </cell>
        </row>
        <row r="15">
          <cell r="C15" t="str">
            <v>　　4</v>
          </cell>
          <cell r="D15">
            <v>409580</v>
          </cell>
          <cell r="E15">
            <v>183937</v>
          </cell>
          <cell r="F15">
            <v>2.23</v>
          </cell>
        </row>
        <row r="16">
          <cell r="C16" t="str">
            <v>　　5</v>
          </cell>
          <cell r="D16">
            <v>407058</v>
          </cell>
          <cell r="E16">
            <v>185060</v>
          </cell>
          <cell r="F16">
            <v>2.2000000000000002</v>
          </cell>
        </row>
        <row r="17">
          <cell r="C17" t="str">
            <v>　　6</v>
          </cell>
          <cell r="D17">
            <v>404401</v>
          </cell>
          <cell r="E17">
            <v>186578</v>
          </cell>
          <cell r="F17">
            <v>2.17</v>
          </cell>
        </row>
        <row r="18">
          <cell r="C18" t="str">
            <v>　　7</v>
          </cell>
          <cell r="D18">
            <v>402015</v>
          </cell>
          <cell r="E18">
            <v>188064</v>
          </cell>
          <cell r="F18">
            <v>2.1376499489535479</v>
          </cell>
        </row>
      </sheetData>
      <sheetData sheetId="1"/>
      <sheetData sheetId="2"/>
      <sheetData sheetId="3"/>
      <sheetData sheetId="4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7C546C-EE84-4598-9346-BE562DE03CE5}">
  <sheetPr codeName="Sheet1">
    <pageSetUpPr fitToPage="1"/>
  </sheetPr>
  <dimension ref="A1:J62"/>
  <sheetViews>
    <sheetView tabSelected="1" zoomScaleSheetLayoutView="130" workbookViewId="0">
      <selection sqref="A1:G1"/>
    </sheetView>
  </sheetViews>
  <sheetFormatPr defaultRowHeight="13.5" x14ac:dyDescent="0.15"/>
  <cols>
    <col min="1" max="1" width="9" style="2" customWidth="1"/>
    <col min="2" max="2" width="9.5" style="2" bestFit="1" customWidth="1"/>
    <col min="3" max="5" width="15.625" style="2" customWidth="1"/>
    <col min="6" max="6" width="15.125" style="2" customWidth="1"/>
    <col min="7" max="7" width="9" style="2" customWidth="1"/>
    <col min="8" max="16384" width="9" style="2"/>
  </cols>
  <sheetData>
    <row r="1" spans="1:10" ht="42" customHeight="1" x14ac:dyDescent="0.15">
      <c r="A1" s="1" t="s">
        <v>0</v>
      </c>
      <c r="B1" s="1"/>
      <c r="C1" s="1"/>
      <c r="D1" s="1"/>
      <c r="E1" s="1"/>
      <c r="F1" s="1"/>
      <c r="G1" s="1"/>
    </row>
    <row r="2" spans="1:10" ht="15.75" customHeight="1" x14ac:dyDescent="0.15">
      <c r="A2" s="3"/>
      <c r="B2" s="3"/>
      <c r="C2" s="3"/>
      <c r="D2" s="3"/>
      <c r="E2" s="3"/>
      <c r="F2" s="3"/>
      <c r="G2" s="3"/>
    </row>
    <row r="3" spans="1:10" ht="20.100000000000001" customHeight="1" x14ac:dyDescent="0.15">
      <c r="C3" s="4" t="s">
        <v>1</v>
      </c>
      <c r="D3" s="5" t="s">
        <v>2</v>
      </c>
      <c r="E3" s="6" t="s">
        <v>3</v>
      </c>
      <c r="F3" s="7" t="s">
        <v>4</v>
      </c>
    </row>
    <row r="4" spans="1:10" ht="20.100000000000001" customHeight="1" x14ac:dyDescent="0.15">
      <c r="C4" s="8" t="s">
        <v>5</v>
      </c>
      <c r="D4" s="9">
        <v>303930</v>
      </c>
      <c r="E4" s="10">
        <v>88716</v>
      </c>
      <c r="F4" s="11">
        <v>3.43</v>
      </c>
    </row>
    <row r="5" spans="1:10" ht="20.100000000000001" customHeight="1" x14ac:dyDescent="0.15">
      <c r="C5" s="12" t="s">
        <v>6</v>
      </c>
      <c r="D5" s="13">
        <v>312666</v>
      </c>
      <c r="E5" s="14">
        <v>95217</v>
      </c>
      <c r="F5" s="15">
        <v>3.28</v>
      </c>
    </row>
    <row r="6" spans="1:10" ht="20.100000000000001" customHeight="1" x14ac:dyDescent="0.15">
      <c r="C6" s="12" t="s">
        <v>7</v>
      </c>
      <c r="D6" s="13">
        <v>318867</v>
      </c>
      <c r="E6" s="14">
        <v>101666</v>
      </c>
      <c r="F6" s="15">
        <v>3.14</v>
      </c>
    </row>
    <row r="7" spans="1:10" ht="20.100000000000001" customHeight="1" x14ac:dyDescent="0.15">
      <c r="C7" s="12" t="s">
        <v>8</v>
      </c>
      <c r="D7" s="13">
        <v>322278</v>
      </c>
      <c r="E7" s="14">
        <v>109395</v>
      </c>
      <c r="F7" s="15">
        <v>2.95</v>
      </c>
    </row>
    <row r="8" spans="1:10" ht="20.100000000000001" customHeight="1" x14ac:dyDescent="0.15">
      <c r="C8" s="12" t="s">
        <v>9</v>
      </c>
      <c r="D8" s="13">
        <v>322676</v>
      </c>
      <c r="E8" s="14">
        <v>116719</v>
      </c>
      <c r="F8" s="15">
        <v>2.76</v>
      </c>
      <c r="G8" s="16" t="s">
        <v>10</v>
      </c>
    </row>
    <row r="9" spans="1:10" ht="20.100000000000001" customHeight="1" x14ac:dyDescent="0.15">
      <c r="C9" s="12" t="s">
        <v>11</v>
      </c>
      <c r="D9" s="13">
        <v>418563</v>
      </c>
      <c r="E9" s="14">
        <v>152641</v>
      </c>
      <c r="F9" s="15">
        <v>2.74</v>
      </c>
      <c r="G9" s="16" t="s">
        <v>12</v>
      </c>
    </row>
    <row r="10" spans="1:10" ht="20.100000000000001" customHeight="1" x14ac:dyDescent="0.15">
      <c r="C10" s="12" t="s">
        <v>13</v>
      </c>
      <c r="D10" s="13">
        <v>417714</v>
      </c>
      <c r="E10" s="14">
        <v>161589</v>
      </c>
      <c r="F10" s="15">
        <v>2.59</v>
      </c>
    </row>
    <row r="11" spans="1:10" ht="20.100000000000001" customHeight="1" x14ac:dyDescent="0.15">
      <c r="C11" s="17" t="s">
        <v>14</v>
      </c>
      <c r="D11" s="13">
        <v>418957</v>
      </c>
      <c r="E11" s="14">
        <v>172052</v>
      </c>
      <c r="F11" s="15">
        <v>2.44</v>
      </c>
    </row>
    <row r="12" spans="1:10" ht="20.100000000000001" customHeight="1" x14ac:dyDescent="0.15">
      <c r="C12" s="12" t="s">
        <v>15</v>
      </c>
      <c r="D12" s="13">
        <v>416175</v>
      </c>
      <c r="E12" s="14">
        <v>179938</v>
      </c>
      <c r="F12" s="15">
        <v>2.31</v>
      </c>
    </row>
    <row r="13" spans="1:10" ht="20.100000000000001" customHeight="1" x14ac:dyDescent="0.15">
      <c r="C13" s="17" t="s">
        <v>16</v>
      </c>
      <c r="D13" s="13">
        <v>414354</v>
      </c>
      <c r="E13" s="14">
        <v>181394</v>
      </c>
      <c r="F13" s="15">
        <v>2.2799999999999998</v>
      </c>
      <c r="G13" s="16"/>
    </row>
    <row r="14" spans="1:10" ht="20.100000000000001" customHeight="1" x14ac:dyDescent="0.15">
      <c r="C14" s="12" t="s">
        <v>17</v>
      </c>
      <c r="D14" s="18">
        <v>411956</v>
      </c>
      <c r="E14" s="19">
        <v>182399</v>
      </c>
      <c r="F14" s="20">
        <v>2.2599999999999998</v>
      </c>
      <c r="G14" s="16"/>
      <c r="J14" s="21"/>
    </row>
    <row r="15" spans="1:10" ht="20.100000000000001" customHeight="1" x14ac:dyDescent="0.15">
      <c r="C15" s="17" t="s">
        <v>18</v>
      </c>
      <c r="D15" s="22">
        <v>409580</v>
      </c>
      <c r="E15" s="19">
        <v>183937</v>
      </c>
      <c r="F15" s="23">
        <v>2.23</v>
      </c>
      <c r="J15" s="21"/>
    </row>
    <row r="16" spans="1:10" ht="20.100000000000001" customHeight="1" x14ac:dyDescent="0.15">
      <c r="A16" s="24"/>
      <c r="C16" s="12" t="s">
        <v>19</v>
      </c>
      <c r="D16" s="13">
        <v>407058</v>
      </c>
      <c r="E16" s="14">
        <v>185060</v>
      </c>
      <c r="F16" s="25">
        <v>2.2000000000000002</v>
      </c>
      <c r="J16" s="21"/>
    </row>
    <row r="17" spans="1:10" ht="20.100000000000001" customHeight="1" x14ac:dyDescent="0.15">
      <c r="A17" s="24"/>
      <c r="C17" s="26" t="s">
        <v>20</v>
      </c>
      <c r="D17" s="27">
        <v>404401</v>
      </c>
      <c r="E17" s="28">
        <v>186578</v>
      </c>
      <c r="F17" s="29">
        <v>2.17</v>
      </c>
      <c r="I17" s="30"/>
      <c r="J17" s="21"/>
    </row>
    <row r="18" spans="1:10" ht="20.100000000000001" customHeight="1" x14ac:dyDescent="0.15">
      <c r="A18" s="24"/>
      <c r="C18" s="31" t="s">
        <v>8</v>
      </c>
      <c r="D18" s="32">
        <v>402015</v>
      </c>
      <c r="E18" s="33">
        <v>188064</v>
      </c>
      <c r="F18" s="34">
        <v>2.1376499489535479</v>
      </c>
      <c r="I18" s="2" ph="1"/>
      <c r="J18" s="21"/>
    </row>
    <row r="19" spans="1:10" ht="20.100000000000001" customHeight="1" x14ac:dyDescent="0.15">
      <c r="A19" s="24"/>
      <c r="C19" s="35"/>
      <c r="D19" s="36"/>
      <c r="E19" s="37"/>
      <c r="F19" s="38"/>
      <c r="I19" s="2" ph="1"/>
      <c r="J19" s="21"/>
    </row>
    <row r="20" spans="1:10" ht="20.100000000000001" customHeight="1" x14ac:dyDescent="0.15">
      <c r="A20" s="24"/>
      <c r="I20" s="2" ph="1"/>
      <c r="J20" s="21"/>
    </row>
    <row r="21" spans="1:10" ht="12" customHeight="1" x14ac:dyDescent="0.15">
      <c r="A21" s="24"/>
    </row>
    <row r="22" spans="1:10" ht="12" customHeight="1" x14ac:dyDescent="0.15">
      <c r="A22" s="24"/>
    </row>
    <row r="23" spans="1:10" ht="12" customHeight="1" x14ac:dyDescent="0.15">
      <c r="A23" s="24"/>
    </row>
    <row r="24" spans="1:10" ht="12" customHeight="1" x14ac:dyDescent="0.15"/>
    <row r="25" spans="1:10" ht="12" customHeight="1" x14ac:dyDescent="0.15"/>
    <row r="26" spans="1:10" ht="12" customHeight="1" x14ac:dyDescent="0.15"/>
    <row r="27" spans="1:10" ht="12" customHeight="1" x14ac:dyDescent="0.15"/>
    <row r="28" spans="1:10" ht="12" customHeight="1" x14ac:dyDescent="0.15"/>
    <row r="29" spans="1:10" ht="12" customHeight="1" x14ac:dyDescent="0.15"/>
    <row r="30" spans="1:10" ht="12" customHeight="1" x14ac:dyDescent="0.15"/>
    <row r="31" spans="1:10" ht="12" customHeight="1" x14ac:dyDescent="0.15"/>
    <row r="32" spans="1:10" ht="12" customHeight="1" x14ac:dyDescent="0.15"/>
    <row r="33" ht="12" customHeight="1" x14ac:dyDescent="0.15"/>
    <row r="34" ht="12" customHeight="1" x14ac:dyDescent="0.15"/>
    <row r="35" ht="12" customHeight="1" x14ac:dyDescent="0.15"/>
    <row r="36" ht="12" customHeight="1" x14ac:dyDescent="0.15"/>
    <row r="37" ht="12" customHeight="1" x14ac:dyDescent="0.15"/>
    <row r="38" ht="12" customHeight="1" x14ac:dyDescent="0.15"/>
    <row r="39" ht="12" customHeight="1" x14ac:dyDescent="0.15"/>
    <row r="40" ht="12" customHeight="1" x14ac:dyDescent="0.15"/>
    <row r="41" ht="12" customHeight="1" x14ac:dyDescent="0.15"/>
    <row r="42" ht="12" customHeight="1" x14ac:dyDescent="0.15"/>
    <row r="43" ht="12" customHeight="1" x14ac:dyDescent="0.15"/>
    <row r="44" ht="12" customHeight="1" x14ac:dyDescent="0.15"/>
    <row r="45" ht="12" customHeight="1" x14ac:dyDescent="0.15"/>
    <row r="46" ht="12" customHeight="1" x14ac:dyDescent="0.15"/>
    <row r="47" ht="12" customHeight="1" x14ac:dyDescent="0.15"/>
    <row r="48" ht="12" customHeight="1" x14ac:dyDescent="0.15"/>
    <row r="49" spans="4:8" ht="12" customHeight="1" x14ac:dyDescent="0.15"/>
    <row r="50" spans="4:8" ht="12" customHeight="1" x14ac:dyDescent="0.15"/>
    <row r="51" spans="4:8" ht="12" customHeight="1" x14ac:dyDescent="0.15"/>
    <row r="52" spans="4:8" ht="12" customHeight="1" x14ac:dyDescent="0.15"/>
    <row r="53" spans="4:8" ht="12" customHeight="1" x14ac:dyDescent="0.15"/>
    <row r="54" spans="4:8" ht="12" customHeight="1" x14ac:dyDescent="0.15"/>
    <row r="55" spans="4:8" ht="12" customHeight="1" x14ac:dyDescent="0.15"/>
    <row r="56" spans="4:8" ht="12" customHeight="1" x14ac:dyDescent="0.15"/>
    <row r="57" spans="4:8" ht="12" customHeight="1" x14ac:dyDescent="0.15"/>
    <row r="59" spans="4:8" x14ac:dyDescent="0.15">
      <c r="F59" s="30"/>
    </row>
    <row r="60" spans="4:8" x14ac:dyDescent="0.15">
      <c r="F60" s="30"/>
    </row>
    <row r="61" spans="4:8" x14ac:dyDescent="0.15">
      <c r="D61" s="39" t="s">
        <v>12</v>
      </c>
      <c r="G61" s="30"/>
      <c r="H61" s="30"/>
    </row>
    <row r="62" spans="4:8" ht="27" customHeight="1" x14ac:dyDescent="0.15">
      <c r="D62" s="40" t="s">
        <v>21</v>
      </c>
      <c r="E62" s="40"/>
      <c r="F62" s="40"/>
      <c r="G62" s="41"/>
      <c r="H62" s="41"/>
    </row>
  </sheetData>
  <mergeCells count="2">
    <mergeCell ref="A1:G1"/>
    <mergeCell ref="D62:F62"/>
  </mergeCells>
  <phoneticPr fontId="3"/>
  <pageMargins left="0.78740157480314965" right="0.31496062992125984" top="0.51181102362204722" bottom="0.86614173228346458" header="0.51181102362204722" footer="0.51181102362204722"/>
  <pageSetup paperSize="9" scale="85" firstPageNumber="15" orientation="portrait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１．人口・世帯数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2-18T23:33:48Z</dcterms:created>
  <dcterms:modified xsi:type="dcterms:W3CDTF">2026-02-18T23:34:10Z</dcterms:modified>
</cp:coreProperties>
</file>